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11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11'!$A$1:$P$42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Z_C27FC36F_7DA4_4822_860B_0B3D8B2EC982_.wvu.PrintArea" localSheetId="0" hidden="1">'5-11'!$A$1:$P$42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1" i="1" l="1"/>
  <c r="F41" i="1"/>
  <c r="B41" i="1"/>
  <c r="J40" i="1"/>
  <c r="F40" i="1"/>
  <c r="B40" i="1"/>
  <c r="J39" i="1"/>
  <c r="F39" i="1"/>
  <c r="B39" i="1"/>
  <c r="J38" i="1"/>
  <c r="F38" i="1"/>
  <c r="B38" i="1"/>
  <c r="J37" i="1"/>
  <c r="F37" i="1"/>
  <c r="B37" i="1"/>
  <c r="J36" i="1"/>
  <c r="F36" i="1"/>
  <c r="B36" i="1"/>
  <c r="J35" i="1"/>
  <c r="F35" i="1"/>
  <c r="B35" i="1"/>
  <c r="J34" i="1"/>
  <c r="F34" i="1"/>
  <c r="B34" i="1"/>
  <c r="J33" i="1"/>
  <c r="F33" i="1"/>
  <c r="B33" i="1"/>
  <c r="J32" i="1"/>
  <c r="F32" i="1"/>
  <c r="B32" i="1"/>
  <c r="J31" i="1"/>
  <c r="F31" i="1"/>
  <c r="B31" i="1"/>
  <c r="J30" i="1"/>
  <c r="F30" i="1"/>
  <c r="B30" i="1"/>
  <c r="J29" i="1"/>
  <c r="F29" i="1"/>
  <c r="F27" i="1" s="1"/>
  <c r="B29" i="1"/>
  <c r="B27" i="1" s="1"/>
  <c r="J28" i="1"/>
  <c r="J27" i="1" s="1"/>
  <c r="F28" i="1"/>
  <c r="B28" i="1"/>
  <c r="P27" i="1"/>
  <c r="O27" i="1"/>
  <c r="N27" i="1"/>
  <c r="M27" i="1"/>
  <c r="M10" i="1" s="1"/>
  <c r="M5" i="1" s="1"/>
  <c r="L27" i="1"/>
  <c r="L10" i="1" s="1"/>
  <c r="L5" i="1" s="1"/>
  <c r="K27" i="1"/>
  <c r="K10" i="1" s="1"/>
  <c r="K5" i="1" s="1"/>
  <c r="I27" i="1"/>
  <c r="H27" i="1"/>
  <c r="G27" i="1"/>
  <c r="E27" i="1"/>
  <c r="E10" i="1" s="1"/>
  <c r="E5" i="1" s="1"/>
  <c r="D27" i="1"/>
  <c r="D10" i="1" s="1"/>
  <c r="D5" i="1" s="1"/>
  <c r="C27" i="1"/>
  <c r="C10" i="1" s="1"/>
  <c r="C5" i="1" s="1"/>
  <c r="J26" i="1"/>
  <c r="F26" i="1"/>
  <c r="B26" i="1"/>
  <c r="J25" i="1"/>
  <c r="F25" i="1"/>
  <c r="B25" i="1"/>
  <c r="J24" i="1"/>
  <c r="F24" i="1"/>
  <c r="B24" i="1"/>
  <c r="J23" i="1"/>
  <c r="F23" i="1"/>
  <c r="B23" i="1"/>
  <c r="J22" i="1"/>
  <c r="F22" i="1"/>
  <c r="B22" i="1"/>
  <c r="J21" i="1"/>
  <c r="F21" i="1"/>
  <c r="B21" i="1"/>
  <c r="J20" i="1"/>
  <c r="F20" i="1"/>
  <c r="B20" i="1"/>
  <c r="J19" i="1"/>
  <c r="F19" i="1"/>
  <c r="B19" i="1"/>
  <c r="J18" i="1"/>
  <c r="F18" i="1"/>
  <c r="B18" i="1"/>
  <c r="J17" i="1"/>
  <c r="F17" i="1"/>
  <c r="B17" i="1"/>
  <c r="J16" i="1"/>
  <c r="F16" i="1"/>
  <c r="B16" i="1"/>
  <c r="J15" i="1"/>
  <c r="F15" i="1"/>
  <c r="B15" i="1"/>
  <c r="J14" i="1"/>
  <c r="J11" i="1" s="1"/>
  <c r="F14" i="1"/>
  <c r="B14" i="1"/>
  <c r="J13" i="1"/>
  <c r="F13" i="1"/>
  <c r="B13" i="1"/>
  <c r="J12" i="1"/>
  <c r="F12" i="1"/>
  <c r="F11" i="1" s="1"/>
  <c r="F10" i="1" s="1"/>
  <c r="B12" i="1"/>
  <c r="B11" i="1" s="1"/>
  <c r="P11" i="1"/>
  <c r="P10" i="1" s="1"/>
  <c r="P5" i="1" s="1"/>
  <c r="O11" i="1"/>
  <c r="O10" i="1" s="1"/>
  <c r="O5" i="1" s="1"/>
  <c r="N11" i="1"/>
  <c r="M11" i="1"/>
  <c r="L11" i="1"/>
  <c r="K11" i="1"/>
  <c r="I11" i="1"/>
  <c r="I10" i="1" s="1"/>
  <c r="I5" i="1" s="1"/>
  <c r="H11" i="1"/>
  <c r="H10" i="1" s="1"/>
  <c r="H5" i="1" s="1"/>
  <c r="G11" i="1"/>
  <c r="G10" i="1" s="1"/>
  <c r="G5" i="1" s="1"/>
  <c r="E11" i="1"/>
  <c r="D11" i="1"/>
  <c r="C11" i="1"/>
  <c r="N10" i="1"/>
  <c r="N5" i="1" s="1"/>
  <c r="J9" i="1"/>
  <c r="F9" i="1"/>
  <c r="B9" i="1"/>
  <c r="J8" i="1"/>
  <c r="F8" i="1"/>
  <c r="B8" i="1"/>
  <c r="J7" i="1"/>
  <c r="F7" i="1"/>
  <c r="B7" i="1"/>
  <c r="J6" i="1"/>
  <c r="F6" i="1"/>
  <c r="B6" i="1"/>
  <c r="B5" i="1" l="1"/>
  <c r="F5" i="1"/>
  <c r="B10" i="1"/>
  <c r="J10" i="1"/>
  <c r="J5" i="1" s="1"/>
</calcChain>
</file>

<file path=xl/sharedStrings.xml><?xml version="1.0" encoding="utf-8"?>
<sst xmlns="http://schemas.openxmlformats.org/spreadsheetml/2006/main" count="61" uniqueCount="53">
  <si>
    <t>5-11表　特別障害者手当等受給者数</t>
    <rPh sb="10" eb="11">
      <t>シャ</t>
    </rPh>
    <phoneticPr fontId="3"/>
  </si>
  <si>
    <t>（単位：人）</t>
  </si>
  <si>
    <t>市町村名</t>
  </si>
  <si>
    <t>特別障害者手当等受給者数</t>
    <phoneticPr fontId="3"/>
  </si>
  <si>
    <t>在宅重度障害者等手当受給者数</t>
    <phoneticPr fontId="3"/>
  </si>
  <si>
    <t>R2年度</t>
    <phoneticPr fontId="3"/>
  </si>
  <si>
    <t>R3年度</t>
    <phoneticPr fontId="3"/>
  </si>
  <si>
    <t>R4年度</t>
    <phoneticPr fontId="3"/>
  </si>
  <si>
    <t>R2年度</t>
    <rPh sb="2" eb="4">
      <t>ネンド</t>
    </rPh>
    <phoneticPr fontId="3"/>
  </si>
  <si>
    <t>R3年度</t>
    <rPh sb="2" eb="4">
      <t>ネンド</t>
    </rPh>
    <phoneticPr fontId="3"/>
  </si>
  <si>
    <t>R4年度</t>
    <rPh sb="2" eb="4">
      <t>ネンド</t>
    </rPh>
    <phoneticPr fontId="3"/>
  </si>
  <si>
    <t>計</t>
  </si>
  <si>
    <t>特別障害者手当</t>
    <rPh sb="4" eb="5">
      <t>シャ</t>
    </rPh>
    <rPh sb="5" eb="7">
      <t>テアテ</t>
    </rPh>
    <phoneticPr fontId="3"/>
  </si>
  <si>
    <t>障害児福祉手当</t>
    <rPh sb="3" eb="5">
      <t>フクシ</t>
    </rPh>
    <rPh sb="5" eb="7">
      <t>テアテ</t>
    </rPh>
    <phoneticPr fontId="3"/>
  </si>
  <si>
    <t>経過的福祉手当</t>
    <rPh sb="3" eb="5">
      <t>フクシ</t>
    </rPh>
    <rPh sb="5" eb="7">
      <t>テアテ</t>
    </rPh>
    <phoneticPr fontId="3"/>
  </si>
  <si>
    <t>県計</t>
  </si>
  <si>
    <t>横浜市</t>
  </si>
  <si>
    <t>川崎市</t>
  </si>
  <si>
    <t>相模原市</t>
  </si>
  <si>
    <t>横須賀市</t>
  </si>
  <si>
    <t>政令市・中核市を除く県域計</t>
    <rPh sb="0" eb="2">
      <t>チュウカク</t>
    </rPh>
    <rPh sb="2" eb="3">
      <t>シ</t>
    </rPh>
    <phoneticPr fontId="3"/>
  </si>
  <si>
    <t>市計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町村計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メイリオ"/>
      <family val="3"/>
      <charset val="128"/>
    </font>
    <font>
      <sz val="11"/>
      <color rgb="FFFF0000"/>
      <name val="メイリオ"/>
      <family val="3"/>
      <charset val="128"/>
    </font>
    <font>
      <sz val="11"/>
      <color theme="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57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/>
      <right style="double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double">
        <color indexed="64"/>
      </right>
      <top style="thin">
        <color indexed="8"/>
      </top>
      <bottom/>
      <diagonal/>
    </border>
    <border>
      <left/>
      <right style="hair">
        <color indexed="64"/>
      </right>
      <top style="thin">
        <color indexed="8"/>
      </top>
      <bottom/>
      <diagonal/>
    </border>
    <border>
      <left style="hair">
        <color indexed="64"/>
      </left>
      <right style="hair">
        <color indexed="64"/>
      </right>
      <top style="thin">
        <color indexed="8"/>
      </top>
      <bottom/>
      <diagonal/>
    </border>
    <border>
      <left style="hair">
        <color indexed="64"/>
      </left>
      <right style="medium">
        <color indexed="64"/>
      </right>
      <top style="thin">
        <color indexed="8"/>
      </top>
      <bottom/>
      <diagonal/>
    </border>
    <border>
      <left/>
      <right style="double">
        <color indexed="64"/>
      </right>
      <top style="thin">
        <color indexed="8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8"/>
      </top>
      <bottom style="medium">
        <color indexed="64"/>
      </bottom>
      <diagonal/>
    </border>
    <border>
      <left/>
      <right style="hair">
        <color indexed="64"/>
      </right>
      <top style="thin">
        <color indexed="8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8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8"/>
      </top>
      <bottom style="medium">
        <color indexed="64"/>
      </bottom>
      <diagonal/>
    </border>
    <border>
      <left/>
      <right style="double">
        <color indexed="64"/>
      </right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quotePrefix="1" applyNumberFormat="1" applyFont="1" applyFill="1" applyBorder="1" applyAlignment="1">
      <alignment vertical="center"/>
    </xf>
    <xf numFmtId="3" fontId="2" fillId="0" borderId="0" xfId="0" quotePrefix="1" applyNumberFormat="1" applyFont="1" applyFill="1" applyBorder="1" applyAlignment="1">
      <alignment vertical="center"/>
    </xf>
    <xf numFmtId="3" fontId="4" fillId="0" borderId="0" xfId="0" applyNumberFormat="1" applyFont="1" applyFill="1" applyBorder="1" applyAlignment="1">
      <alignment vertical="center"/>
    </xf>
    <xf numFmtId="3" fontId="5" fillId="0" borderId="0" xfId="0" applyNumberFormat="1" applyFont="1" applyFill="1" applyBorder="1" applyAlignment="1">
      <alignment vertical="center"/>
    </xf>
    <xf numFmtId="3" fontId="4" fillId="0" borderId="0" xfId="0" applyNumberFormat="1" applyFont="1" applyFill="1" applyBorder="1" applyAlignment="1">
      <alignment horizontal="right" vertical="center"/>
    </xf>
    <xf numFmtId="0" fontId="2" fillId="0" borderId="0" xfId="0" applyFont="1" applyFill="1" applyAlignment="1">
      <alignment vertical="center"/>
    </xf>
    <xf numFmtId="3" fontId="6" fillId="2" borderId="1" xfId="0" applyNumberFormat="1" applyFont="1" applyFill="1" applyBorder="1" applyAlignment="1">
      <alignment horizontal="distributed" vertical="center" justifyLastLine="1"/>
    </xf>
    <xf numFmtId="3" fontId="6" fillId="2" borderId="2" xfId="0" applyNumberFormat="1" applyFont="1" applyFill="1" applyBorder="1" applyAlignment="1">
      <alignment horizontal="center" vertical="center"/>
    </xf>
    <xf numFmtId="3" fontId="6" fillId="2" borderId="3" xfId="0" applyNumberFormat="1" applyFont="1" applyFill="1" applyBorder="1" applyAlignment="1">
      <alignment horizontal="center" vertical="center"/>
    </xf>
    <xf numFmtId="3" fontId="6" fillId="2" borderId="2" xfId="0" applyNumberFormat="1" applyFont="1" applyFill="1" applyBorder="1" applyAlignment="1">
      <alignment horizontal="distributed" vertical="center" justifyLastLine="1"/>
    </xf>
    <xf numFmtId="3" fontId="6" fillId="2" borderId="3" xfId="0" applyNumberFormat="1" applyFont="1" applyFill="1" applyBorder="1" applyAlignment="1">
      <alignment horizontal="distributed" vertical="center" justifyLastLine="1"/>
    </xf>
    <xf numFmtId="3" fontId="6" fillId="2" borderId="4" xfId="0" applyNumberFormat="1" applyFont="1" applyFill="1" applyBorder="1" applyAlignment="1">
      <alignment horizontal="distributed" vertical="center" justifyLastLine="1"/>
    </xf>
    <xf numFmtId="3" fontId="6" fillId="2" borderId="5" xfId="0" applyNumberFormat="1" applyFont="1" applyFill="1" applyBorder="1" applyAlignment="1">
      <alignment horizontal="distributed" vertical="center" justifyLastLine="1"/>
    </xf>
    <xf numFmtId="3" fontId="2" fillId="2" borderId="6" xfId="0" applyNumberFormat="1" applyFont="1" applyFill="1" applyBorder="1" applyAlignment="1">
      <alignment horizontal="distributed" vertical="center" justifyLastLine="1"/>
    </xf>
    <xf numFmtId="3" fontId="2" fillId="2" borderId="7" xfId="0" applyNumberFormat="1" applyFont="1" applyFill="1" applyBorder="1" applyAlignment="1">
      <alignment horizontal="distributed" vertical="center" justifyLastLine="1"/>
    </xf>
    <xf numFmtId="3" fontId="2" fillId="2" borderId="6" xfId="0" applyNumberFormat="1" applyFont="1" applyFill="1" applyBorder="1" applyAlignment="1">
      <alignment horizontal="distributed" vertical="center" wrapText="1" justifyLastLine="1"/>
    </xf>
    <xf numFmtId="3" fontId="2" fillId="2" borderId="8" xfId="0" applyNumberFormat="1" applyFont="1" applyFill="1" applyBorder="1" applyAlignment="1">
      <alignment horizontal="distributed" vertical="center" wrapText="1" justifyLastLine="1"/>
    </xf>
    <xf numFmtId="3" fontId="2" fillId="2" borderId="9" xfId="0" applyNumberFormat="1" applyFont="1" applyFill="1" applyBorder="1" applyAlignment="1">
      <alignment horizontal="distributed" vertical="center" wrapText="1" justifyLastLine="1"/>
    </xf>
    <xf numFmtId="3" fontId="6" fillId="2" borderId="10" xfId="0" applyNumberFormat="1" applyFont="1" applyFill="1" applyBorder="1" applyAlignment="1">
      <alignment horizontal="distributed" vertical="center" justifyLastLine="1"/>
    </xf>
    <xf numFmtId="3" fontId="6" fillId="2" borderId="11" xfId="0" applyNumberFormat="1" applyFont="1" applyFill="1" applyBorder="1" applyAlignment="1">
      <alignment horizontal="distributed" vertical="center" justifyLastLine="1"/>
    </xf>
    <xf numFmtId="3" fontId="6" fillId="2" borderId="12" xfId="0" applyNumberFormat="1" applyFont="1" applyFill="1" applyBorder="1" applyAlignment="1">
      <alignment horizontal="distributed" vertical="center" justifyLastLine="1"/>
    </xf>
    <xf numFmtId="3" fontId="6" fillId="2" borderId="13" xfId="0" applyNumberFormat="1" applyFont="1" applyFill="1" applyBorder="1" applyAlignment="1">
      <alignment horizontal="distributed" vertical="center" justifyLastLine="1"/>
    </xf>
    <xf numFmtId="3" fontId="6" fillId="2" borderId="14" xfId="0" applyNumberFormat="1" applyFont="1" applyFill="1" applyBorder="1" applyAlignment="1">
      <alignment horizontal="distributed" vertical="center" justifyLastLine="1"/>
    </xf>
    <xf numFmtId="3" fontId="6" fillId="2" borderId="15" xfId="0" applyNumberFormat="1" applyFont="1" applyFill="1" applyBorder="1" applyAlignment="1">
      <alignment horizontal="distributed" vertical="center" justifyLastLine="1"/>
    </xf>
    <xf numFmtId="3" fontId="2" fillId="2" borderId="16" xfId="0" applyNumberFormat="1" applyFont="1" applyFill="1" applyBorder="1" applyAlignment="1">
      <alignment horizontal="distributed" vertical="center" wrapText="1" justifyLastLine="1"/>
    </xf>
    <xf numFmtId="3" fontId="2" fillId="2" borderId="17" xfId="0" applyNumberFormat="1" applyFont="1" applyFill="1" applyBorder="1" applyAlignment="1">
      <alignment horizontal="distributed" vertical="center" wrapText="1" justifyLastLine="1"/>
    </xf>
    <xf numFmtId="3" fontId="2" fillId="2" borderId="18" xfId="0" applyNumberFormat="1" applyFont="1" applyFill="1" applyBorder="1" applyAlignment="1">
      <alignment horizontal="distributed" vertical="center" wrapText="1" justifyLastLine="1"/>
    </xf>
    <xf numFmtId="3" fontId="6" fillId="3" borderId="19" xfId="0" applyNumberFormat="1" applyFont="1" applyFill="1" applyBorder="1" applyAlignment="1">
      <alignment horizontal="distributed" vertical="center" justifyLastLine="1"/>
    </xf>
    <xf numFmtId="38" fontId="7" fillId="3" borderId="20" xfId="1" applyFont="1" applyFill="1" applyBorder="1" applyAlignment="1">
      <alignment vertical="center"/>
    </xf>
    <xf numFmtId="38" fontId="7" fillId="3" borderId="21" xfId="1" applyFont="1" applyFill="1" applyBorder="1" applyAlignment="1">
      <alignment vertical="center"/>
    </xf>
    <xf numFmtId="38" fontId="7" fillId="3" borderId="22" xfId="1" applyFont="1" applyFill="1" applyBorder="1" applyAlignment="1">
      <alignment vertical="center"/>
    </xf>
    <xf numFmtId="38" fontId="7" fillId="3" borderId="23" xfId="1" applyFont="1" applyFill="1" applyBorder="1" applyAlignment="1">
      <alignment vertical="center"/>
    </xf>
    <xf numFmtId="38" fontId="7" fillId="3" borderId="24" xfId="1" applyFont="1" applyFill="1" applyBorder="1" applyAlignment="1">
      <alignment vertical="center"/>
    </xf>
    <xf numFmtId="38" fontId="7" fillId="3" borderId="25" xfId="1" applyFont="1" applyFill="1" applyBorder="1" applyAlignment="1">
      <alignment vertical="center"/>
    </xf>
    <xf numFmtId="38" fontId="7" fillId="3" borderId="26" xfId="1" applyFont="1" applyFill="1" applyBorder="1" applyAlignment="1">
      <alignment vertical="center"/>
    </xf>
    <xf numFmtId="38" fontId="7" fillId="3" borderId="27" xfId="1" applyFont="1" applyFill="1" applyBorder="1" applyAlignment="1">
      <alignment vertical="center"/>
    </xf>
    <xf numFmtId="41" fontId="2" fillId="0" borderId="0" xfId="0" applyNumberFormat="1" applyFont="1" applyFill="1" applyAlignment="1">
      <alignment vertical="center"/>
    </xf>
    <xf numFmtId="3" fontId="6" fillId="0" borderId="28" xfId="0" applyNumberFormat="1" applyFont="1" applyFill="1" applyBorder="1" applyAlignment="1">
      <alignment vertical="center"/>
    </xf>
    <xf numFmtId="38" fontId="7" fillId="3" borderId="29" xfId="1" applyFont="1" applyFill="1" applyBorder="1" applyAlignment="1">
      <alignment vertical="center"/>
    </xf>
    <xf numFmtId="38" fontId="2" fillId="0" borderId="30" xfId="1" applyFont="1" applyFill="1" applyBorder="1" applyAlignment="1">
      <alignment vertical="center"/>
    </xf>
    <xf numFmtId="38" fontId="2" fillId="0" borderId="31" xfId="1" applyFont="1" applyFill="1" applyBorder="1" applyAlignment="1">
      <alignment vertical="center"/>
    </xf>
    <xf numFmtId="38" fontId="2" fillId="0" borderId="32" xfId="1" applyFont="1" applyFill="1" applyBorder="1" applyAlignment="1">
      <alignment vertical="center"/>
    </xf>
    <xf numFmtId="38" fontId="7" fillId="3" borderId="33" xfId="1" applyFont="1" applyFill="1" applyBorder="1" applyAlignment="1">
      <alignment vertical="center"/>
    </xf>
    <xf numFmtId="38" fontId="2" fillId="0" borderId="34" xfId="1" applyFont="1" applyFill="1" applyBorder="1" applyAlignment="1">
      <alignment vertical="center"/>
    </xf>
    <xf numFmtId="3" fontId="6" fillId="0" borderId="35" xfId="0" applyNumberFormat="1" applyFont="1" applyFill="1" applyBorder="1" applyAlignment="1">
      <alignment vertical="center"/>
    </xf>
    <xf numFmtId="38" fontId="7" fillId="3" borderId="36" xfId="1" applyFont="1" applyFill="1" applyBorder="1" applyAlignment="1">
      <alignment vertical="center"/>
    </xf>
    <xf numFmtId="38" fontId="2" fillId="0" borderId="37" xfId="1" applyFont="1" applyFill="1" applyBorder="1" applyAlignment="1">
      <alignment vertical="center"/>
    </xf>
    <xf numFmtId="38" fontId="2" fillId="0" borderId="38" xfId="1" applyFont="1" applyFill="1" applyBorder="1" applyAlignment="1">
      <alignment vertical="center"/>
    </xf>
    <xf numFmtId="38" fontId="2" fillId="0" borderId="39" xfId="1" applyFont="1" applyFill="1" applyBorder="1" applyAlignment="1">
      <alignment vertical="center"/>
    </xf>
    <xf numFmtId="38" fontId="7" fillId="3" borderId="40" xfId="1" applyFont="1" applyFill="1" applyBorder="1" applyAlignment="1">
      <alignment vertical="center"/>
    </xf>
    <xf numFmtId="38" fontId="2" fillId="0" borderId="41" xfId="1" applyFont="1" applyFill="1" applyBorder="1" applyAlignment="1">
      <alignment vertical="center"/>
    </xf>
    <xf numFmtId="3" fontId="6" fillId="3" borderId="42" xfId="0" applyNumberFormat="1" applyFont="1" applyFill="1" applyBorder="1" applyAlignment="1">
      <alignment horizontal="left" vertical="center" wrapText="1" justifyLastLine="1"/>
    </xf>
    <xf numFmtId="38" fontId="7" fillId="3" borderId="43" xfId="1" applyFont="1" applyFill="1" applyBorder="1" applyAlignment="1">
      <alignment vertical="center"/>
    </xf>
    <xf numFmtId="38" fontId="7" fillId="3" borderId="44" xfId="1" applyFont="1" applyFill="1" applyBorder="1" applyAlignment="1">
      <alignment vertical="center"/>
    </xf>
    <xf numFmtId="38" fontId="7" fillId="3" borderId="45" xfId="1" applyFont="1" applyFill="1" applyBorder="1" applyAlignment="1">
      <alignment vertical="center"/>
    </xf>
    <xf numFmtId="38" fontId="7" fillId="3" borderId="46" xfId="1" applyFont="1" applyFill="1" applyBorder="1" applyAlignment="1">
      <alignment vertical="center"/>
    </xf>
    <xf numFmtId="38" fontId="7" fillId="3" borderId="47" xfId="1" applyFont="1" applyFill="1" applyBorder="1" applyAlignment="1">
      <alignment vertical="center"/>
    </xf>
    <xf numFmtId="38" fontId="7" fillId="3" borderId="48" xfId="1" applyFont="1" applyFill="1" applyBorder="1" applyAlignment="1">
      <alignment vertical="center"/>
    </xf>
    <xf numFmtId="3" fontId="6" fillId="3" borderId="42" xfId="0" applyNumberFormat="1" applyFont="1" applyFill="1" applyBorder="1" applyAlignment="1">
      <alignment horizontal="distributed" vertical="center" justifyLastLine="1"/>
    </xf>
    <xf numFmtId="38" fontId="2" fillId="3" borderId="48" xfId="1" applyFont="1" applyFill="1" applyBorder="1" applyAlignment="1">
      <alignment vertical="center"/>
    </xf>
    <xf numFmtId="38" fontId="2" fillId="0" borderId="49" xfId="1" applyFont="1" applyFill="1" applyBorder="1" applyAlignment="1">
      <alignment vertical="center"/>
    </xf>
    <xf numFmtId="38" fontId="2" fillId="3" borderId="44" xfId="1" applyFont="1" applyFill="1" applyBorder="1" applyAlignment="1">
      <alignment vertical="center"/>
    </xf>
    <xf numFmtId="38" fontId="2" fillId="3" borderId="45" xfId="1" applyFont="1" applyFill="1" applyBorder="1" applyAlignment="1">
      <alignment vertical="center"/>
    </xf>
    <xf numFmtId="38" fontId="2" fillId="3" borderId="46" xfId="1" applyFont="1" applyFill="1" applyBorder="1" applyAlignment="1">
      <alignment vertical="center"/>
    </xf>
    <xf numFmtId="38" fontId="2" fillId="0" borderId="39" xfId="1" applyFont="1" applyFill="1" applyBorder="1" applyAlignment="1">
      <alignment horizontal="right" vertical="center"/>
    </xf>
    <xf numFmtId="3" fontId="6" fillId="0" borderId="50" xfId="0" applyNumberFormat="1" applyFont="1" applyFill="1" applyBorder="1" applyAlignment="1">
      <alignment vertical="center"/>
    </xf>
    <xf numFmtId="38" fontId="7" fillId="3" borderId="51" xfId="1" applyFont="1" applyFill="1" applyBorder="1" applyAlignment="1">
      <alignment vertical="center"/>
    </xf>
    <xf numFmtId="38" fontId="2" fillId="0" borderId="52" xfId="1" applyFont="1" applyFill="1" applyBorder="1" applyAlignment="1">
      <alignment vertical="center"/>
    </xf>
    <xf numFmtId="38" fontId="2" fillId="0" borderId="53" xfId="1" applyFont="1" applyFill="1" applyBorder="1" applyAlignment="1">
      <alignment vertical="center"/>
    </xf>
    <xf numFmtId="38" fontId="2" fillId="0" borderId="54" xfId="1" applyFont="1" applyFill="1" applyBorder="1" applyAlignment="1">
      <alignment vertical="center"/>
    </xf>
    <xf numFmtId="38" fontId="7" fillId="3" borderId="55" xfId="1" applyFont="1" applyFill="1" applyBorder="1" applyAlignment="1">
      <alignment vertical="center"/>
    </xf>
    <xf numFmtId="38" fontId="2" fillId="0" borderId="56" xfId="1" applyFont="1" applyFill="1" applyBorder="1" applyAlignment="1">
      <alignment vertical="center"/>
    </xf>
    <xf numFmtId="3" fontId="6" fillId="0" borderId="0" xfId="0" applyNumberFormat="1" applyFont="1" applyFill="1" applyAlignment="1">
      <alignment vertical="center"/>
    </xf>
    <xf numFmtId="3" fontId="2" fillId="0" borderId="0" xfId="0" applyNumberFormat="1" applyFont="1" applyFill="1" applyAlignment="1">
      <alignment vertical="center"/>
    </xf>
    <xf numFmtId="3" fontId="4" fillId="0" borderId="0" xfId="0" applyNumberFormat="1" applyFont="1" applyFill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58"/>
  <sheetViews>
    <sheetView showGridLines="0" tabSelected="1" view="pageBreakPreview" zoomScaleNormal="100" zoomScaleSheetLayoutView="100" workbookViewId="0">
      <pane xSplit="1" ySplit="4" topLeftCell="B5" activePane="bottomRight" state="frozen"/>
      <selection activeCell="J19" sqref="J19"/>
      <selection pane="topRight" activeCell="J19" sqref="J19"/>
      <selection pane="bottomLeft" activeCell="J19" sqref="J19"/>
      <selection pane="bottomRight" activeCell="S17" sqref="S17"/>
    </sheetView>
  </sheetViews>
  <sheetFormatPr defaultColWidth="10" defaultRowHeight="17.399999999999999" x14ac:dyDescent="0.2"/>
  <cols>
    <col min="1" max="1" width="15.109375" style="6" customWidth="1"/>
    <col min="2" max="16" width="11.109375" style="6" customWidth="1"/>
    <col min="17" max="17" width="6.44140625" style="6" customWidth="1"/>
    <col min="18" max="18" width="6.109375" style="6" customWidth="1"/>
    <col min="19" max="19" width="5.109375" style="6" customWidth="1"/>
    <col min="20" max="16384" width="10" style="6"/>
  </cols>
  <sheetData>
    <row r="1" spans="1:19" ht="18" thickBot="1" x14ac:dyDescent="0.25">
      <c r="A1" s="1" t="s">
        <v>0</v>
      </c>
      <c r="B1" s="2"/>
      <c r="C1" s="3"/>
      <c r="D1" s="3"/>
      <c r="E1" s="3"/>
      <c r="F1" s="3"/>
      <c r="G1" s="4"/>
      <c r="H1" s="3"/>
      <c r="I1" s="3"/>
      <c r="J1" s="3"/>
      <c r="K1" s="4"/>
      <c r="L1" s="3"/>
      <c r="M1" s="3"/>
      <c r="N1" s="3"/>
      <c r="O1" s="5"/>
      <c r="P1" s="5" t="s">
        <v>1</v>
      </c>
    </row>
    <row r="2" spans="1:19" x14ac:dyDescent="0.2">
      <c r="A2" s="7" t="s">
        <v>2</v>
      </c>
      <c r="B2" s="8" t="s">
        <v>3</v>
      </c>
      <c r="C2" s="8"/>
      <c r="D2" s="8"/>
      <c r="E2" s="8"/>
      <c r="F2" s="8"/>
      <c r="G2" s="8"/>
      <c r="H2" s="8"/>
      <c r="I2" s="8"/>
      <c r="J2" s="8"/>
      <c r="K2" s="8"/>
      <c r="L2" s="8"/>
      <c r="M2" s="9"/>
      <c r="N2" s="10" t="s">
        <v>4</v>
      </c>
      <c r="O2" s="11"/>
      <c r="P2" s="12"/>
    </row>
    <row r="3" spans="1:19" x14ac:dyDescent="0.2">
      <c r="A3" s="13"/>
      <c r="B3" s="14" t="s">
        <v>5</v>
      </c>
      <c r="C3" s="14"/>
      <c r="D3" s="14"/>
      <c r="E3" s="14"/>
      <c r="F3" s="14" t="s">
        <v>6</v>
      </c>
      <c r="G3" s="14"/>
      <c r="H3" s="14"/>
      <c r="I3" s="15"/>
      <c r="J3" s="14" t="s">
        <v>7</v>
      </c>
      <c r="K3" s="14"/>
      <c r="L3" s="14"/>
      <c r="M3" s="15"/>
      <c r="N3" s="16" t="s">
        <v>8</v>
      </c>
      <c r="O3" s="17" t="s">
        <v>9</v>
      </c>
      <c r="P3" s="18" t="s">
        <v>10</v>
      </c>
    </row>
    <row r="4" spans="1:19" ht="35.4" thickBot="1" x14ac:dyDescent="0.25">
      <c r="A4" s="19"/>
      <c r="B4" s="20" t="s">
        <v>11</v>
      </c>
      <c r="C4" s="21" t="s">
        <v>12</v>
      </c>
      <c r="D4" s="22" t="s">
        <v>13</v>
      </c>
      <c r="E4" s="23" t="s">
        <v>14</v>
      </c>
      <c r="F4" s="20" t="s">
        <v>11</v>
      </c>
      <c r="G4" s="21" t="s">
        <v>12</v>
      </c>
      <c r="H4" s="22" t="s">
        <v>13</v>
      </c>
      <c r="I4" s="24" t="s">
        <v>14</v>
      </c>
      <c r="J4" s="20" t="s">
        <v>11</v>
      </c>
      <c r="K4" s="21" t="s">
        <v>12</v>
      </c>
      <c r="L4" s="22" t="s">
        <v>13</v>
      </c>
      <c r="M4" s="24" t="s">
        <v>14</v>
      </c>
      <c r="N4" s="25"/>
      <c r="O4" s="26"/>
      <c r="P4" s="27"/>
    </row>
    <row r="5" spans="1:19" ht="18" thickBot="1" x14ac:dyDescent="0.25">
      <c r="A5" s="28" t="s">
        <v>15</v>
      </c>
      <c r="B5" s="29">
        <f t="shared" ref="B5:M5" si="0">SUM(B6:B10)</f>
        <v>9364</v>
      </c>
      <c r="C5" s="30">
        <f t="shared" si="0"/>
        <v>5526</v>
      </c>
      <c r="D5" s="31">
        <f t="shared" si="0"/>
        <v>3645</v>
      </c>
      <c r="E5" s="32">
        <f t="shared" si="0"/>
        <v>193</v>
      </c>
      <c r="F5" s="29">
        <f t="shared" si="0"/>
        <v>9564</v>
      </c>
      <c r="G5" s="30">
        <f t="shared" si="0"/>
        <v>5732</v>
      </c>
      <c r="H5" s="31">
        <f t="shared" si="0"/>
        <v>3638</v>
      </c>
      <c r="I5" s="33">
        <f t="shared" si="0"/>
        <v>194</v>
      </c>
      <c r="J5" s="29">
        <f t="shared" si="0"/>
        <v>9554</v>
      </c>
      <c r="K5" s="30">
        <f t="shared" si="0"/>
        <v>5871</v>
      </c>
      <c r="L5" s="31">
        <f t="shared" si="0"/>
        <v>3528</v>
      </c>
      <c r="M5" s="33">
        <f t="shared" si="0"/>
        <v>155</v>
      </c>
      <c r="N5" s="34">
        <f>SUM(N6:N10)</f>
        <v>9729</v>
      </c>
      <c r="O5" s="35">
        <f>SUM(O6:O10)</f>
        <v>9963</v>
      </c>
      <c r="P5" s="36">
        <f>SUM(P6:P10)</f>
        <v>10037</v>
      </c>
      <c r="Q5" s="37"/>
      <c r="R5" s="37"/>
      <c r="S5" s="37"/>
    </row>
    <row r="6" spans="1:19" x14ac:dyDescent="0.2">
      <c r="A6" s="38" t="s">
        <v>16</v>
      </c>
      <c r="B6" s="39">
        <f>SUM(C6:E6)</f>
        <v>3623</v>
      </c>
      <c r="C6" s="40">
        <v>2330</v>
      </c>
      <c r="D6" s="41">
        <v>1242</v>
      </c>
      <c r="E6" s="42">
        <v>51</v>
      </c>
      <c r="F6" s="43">
        <f t="shared" ref="F6:F9" si="1">SUM(G6:I6)</f>
        <v>3710</v>
      </c>
      <c r="G6" s="40">
        <v>2432</v>
      </c>
      <c r="H6" s="41">
        <v>1230</v>
      </c>
      <c r="I6" s="42">
        <v>48</v>
      </c>
      <c r="J6" s="43">
        <f t="shared" ref="J6:J26" si="2">SUM(K6:M6)</f>
        <v>3662</v>
      </c>
      <c r="K6" s="40">
        <v>2451</v>
      </c>
      <c r="L6" s="41">
        <v>1173</v>
      </c>
      <c r="M6" s="42">
        <v>38</v>
      </c>
      <c r="N6" s="44">
        <v>4009</v>
      </c>
      <c r="O6" s="44">
        <v>4106</v>
      </c>
      <c r="P6" s="44">
        <v>4148</v>
      </c>
    </row>
    <row r="7" spans="1:19" x14ac:dyDescent="0.2">
      <c r="A7" s="45" t="s">
        <v>17</v>
      </c>
      <c r="B7" s="46">
        <f>SUM(C7:E7)</f>
        <v>1644</v>
      </c>
      <c r="C7" s="47">
        <v>870</v>
      </c>
      <c r="D7" s="48">
        <v>740</v>
      </c>
      <c r="E7" s="49">
        <v>34</v>
      </c>
      <c r="F7" s="50">
        <f t="shared" si="1"/>
        <v>1638</v>
      </c>
      <c r="G7" s="47">
        <v>864</v>
      </c>
      <c r="H7" s="48">
        <v>744</v>
      </c>
      <c r="I7" s="49">
        <v>30</v>
      </c>
      <c r="J7" s="50">
        <f t="shared" si="2"/>
        <v>1670</v>
      </c>
      <c r="K7" s="47">
        <v>903</v>
      </c>
      <c r="L7" s="48">
        <v>740</v>
      </c>
      <c r="M7" s="49">
        <v>27</v>
      </c>
      <c r="N7" s="51">
        <v>1597</v>
      </c>
      <c r="O7" s="51">
        <v>1631</v>
      </c>
      <c r="P7" s="51">
        <v>1655</v>
      </c>
    </row>
    <row r="8" spans="1:19" x14ac:dyDescent="0.2">
      <c r="A8" s="45" t="s">
        <v>18</v>
      </c>
      <c r="B8" s="46">
        <f>SUM(C8:E8)</f>
        <v>848</v>
      </c>
      <c r="C8" s="47">
        <v>495</v>
      </c>
      <c r="D8" s="48">
        <v>335</v>
      </c>
      <c r="E8" s="49">
        <v>18</v>
      </c>
      <c r="F8" s="50">
        <f t="shared" si="1"/>
        <v>846</v>
      </c>
      <c r="G8" s="47">
        <v>513</v>
      </c>
      <c r="H8" s="48">
        <v>319</v>
      </c>
      <c r="I8" s="49">
        <v>14</v>
      </c>
      <c r="J8" s="50">
        <f t="shared" si="2"/>
        <v>847</v>
      </c>
      <c r="K8" s="47">
        <v>533</v>
      </c>
      <c r="L8" s="48">
        <v>301</v>
      </c>
      <c r="M8" s="49">
        <v>13</v>
      </c>
      <c r="N8" s="51">
        <v>829</v>
      </c>
      <c r="O8" s="51">
        <v>849</v>
      </c>
      <c r="P8" s="51">
        <v>846</v>
      </c>
    </row>
    <row r="9" spans="1:19" ht="18" thickBot="1" x14ac:dyDescent="0.25">
      <c r="A9" s="45" t="s">
        <v>19</v>
      </c>
      <c r="B9" s="46">
        <f t="shared" ref="B9:B26" si="3">SUM(C9:E9)</f>
        <v>427</v>
      </c>
      <c r="C9" s="47">
        <v>253</v>
      </c>
      <c r="D9" s="48">
        <v>166</v>
      </c>
      <c r="E9" s="49">
        <v>8</v>
      </c>
      <c r="F9" s="50">
        <f t="shared" si="1"/>
        <v>428</v>
      </c>
      <c r="G9" s="47">
        <v>250</v>
      </c>
      <c r="H9" s="48">
        <v>171</v>
      </c>
      <c r="I9" s="49">
        <v>7</v>
      </c>
      <c r="J9" s="50">
        <f t="shared" si="2"/>
        <v>434</v>
      </c>
      <c r="K9" s="47">
        <v>258</v>
      </c>
      <c r="L9" s="48">
        <v>170</v>
      </c>
      <c r="M9" s="49">
        <v>6</v>
      </c>
      <c r="N9" s="51">
        <v>477</v>
      </c>
      <c r="O9" s="51">
        <v>476</v>
      </c>
      <c r="P9" s="51">
        <v>485</v>
      </c>
    </row>
    <row r="10" spans="1:19" ht="39" customHeight="1" thickBot="1" x14ac:dyDescent="0.25">
      <c r="A10" s="52" t="s">
        <v>20</v>
      </c>
      <c r="B10" s="53">
        <f t="shared" ref="B10:N10" si="4">SUM(B11,B27)</f>
        <v>2822</v>
      </c>
      <c r="C10" s="54">
        <f t="shared" si="4"/>
        <v>1578</v>
      </c>
      <c r="D10" s="55">
        <f t="shared" si="4"/>
        <v>1162</v>
      </c>
      <c r="E10" s="56">
        <f t="shared" si="4"/>
        <v>82</v>
      </c>
      <c r="F10" s="57">
        <f t="shared" si="4"/>
        <v>2942</v>
      </c>
      <c r="G10" s="54">
        <f t="shared" si="4"/>
        <v>1673</v>
      </c>
      <c r="H10" s="55">
        <f t="shared" si="4"/>
        <v>1174</v>
      </c>
      <c r="I10" s="56">
        <f t="shared" si="4"/>
        <v>95</v>
      </c>
      <c r="J10" s="57">
        <f t="shared" si="4"/>
        <v>2941</v>
      </c>
      <c r="K10" s="54">
        <f t="shared" si="4"/>
        <v>1726</v>
      </c>
      <c r="L10" s="55">
        <f>SUM(L11,L27)</f>
        <v>1144</v>
      </c>
      <c r="M10" s="56">
        <f t="shared" si="4"/>
        <v>71</v>
      </c>
      <c r="N10" s="58">
        <f t="shared" si="4"/>
        <v>2817</v>
      </c>
      <c r="O10" s="58">
        <f>SUM(O11,O27)</f>
        <v>2901</v>
      </c>
      <c r="P10" s="58">
        <f>SUM(P11,P27)</f>
        <v>2903</v>
      </c>
    </row>
    <row r="11" spans="1:19" ht="18.600000000000001" thickTop="1" thickBot="1" x14ac:dyDescent="0.25">
      <c r="A11" s="59" t="s">
        <v>21</v>
      </c>
      <c r="B11" s="53">
        <f t="shared" ref="B11:N11" si="5">SUM(B12:B26)</f>
        <v>2579</v>
      </c>
      <c r="C11" s="54">
        <f t="shared" si="5"/>
        <v>1427</v>
      </c>
      <c r="D11" s="55">
        <f t="shared" si="5"/>
        <v>1076</v>
      </c>
      <c r="E11" s="56">
        <f t="shared" si="5"/>
        <v>76</v>
      </c>
      <c r="F11" s="57">
        <f t="shared" ref="F11:I11" si="6">SUM(F12:F26)</f>
        <v>2654</v>
      </c>
      <c r="G11" s="54">
        <f t="shared" si="6"/>
        <v>1504</v>
      </c>
      <c r="H11" s="55">
        <f t="shared" si="6"/>
        <v>1079</v>
      </c>
      <c r="I11" s="56">
        <f t="shared" si="6"/>
        <v>71</v>
      </c>
      <c r="J11" s="57">
        <f t="shared" si="5"/>
        <v>2699</v>
      </c>
      <c r="K11" s="54">
        <f t="shared" si="5"/>
        <v>1572</v>
      </c>
      <c r="L11" s="55">
        <f t="shared" si="5"/>
        <v>1060</v>
      </c>
      <c r="M11" s="56">
        <f t="shared" si="5"/>
        <v>67</v>
      </c>
      <c r="N11" s="60">
        <f t="shared" si="5"/>
        <v>2586</v>
      </c>
      <c r="O11" s="60">
        <f>SUM(O12:O26)</f>
        <v>2671</v>
      </c>
      <c r="P11" s="60">
        <f>SUM(P12:P26)</f>
        <v>2670</v>
      </c>
    </row>
    <row r="12" spans="1:19" ht="18" thickTop="1" x14ac:dyDescent="0.2">
      <c r="A12" s="38" t="s">
        <v>22</v>
      </c>
      <c r="B12" s="39">
        <f t="shared" si="3"/>
        <v>282</v>
      </c>
      <c r="C12" s="40">
        <v>164</v>
      </c>
      <c r="D12" s="41">
        <v>110</v>
      </c>
      <c r="E12" s="42">
        <v>8</v>
      </c>
      <c r="F12" s="43">
        <f t="shared" ref="F12:F26" si="7">SUM(G12:I12)</f>
        <v>301</v>
      </c>
      <c r="G12" s="40">
        <v>180</v>
      </c>
      <c r="H12" s="41">
        <v>113</v>
      </c>
      <c r="I12" s="42">
        <v>8</v>
      </c>
      <c r="J12" s="43">
        <f t="shared" si="2"/>
        <v>297</v>
      </c>
      <c r="K12" s="40">
        <v>187</v>
      </c>
      <c r="L12" s="41">
        <v>102</v>
      </c>
      <c r="M12" s="42">
        <v>8</v>
      </c>
      <c r="N12" s="44">
        <v>302</v>
      </c>
      <c r="O12" s="44">
        <v>313</v>
      </c>
      <c r="P12" s="44">
        <v>321</v>
      </c>
    </row>
    <row r="13" spans="1:19" x14ac:dyDescent="0.2">
      <c r="A13" s="45" t="s">
        <v>23</v>
      </c>
      <c r="B13" s="46">
        <f t="shared" si="3"/>
        <v>146</v>
      </c>
      <c r="C13" s="47">
        <v>97</v>
      </c>
      <c r="D13" s="48">
        <v>41</v>
      </c>
      <c r="E13" s="49">
        <v>8</v>
      </c>
      <c r="F13" s="50">
        <f t="shared" si="7"/>
        <v>145</v>
      </c>
      <c r="G13" s="47">
        <v>95</v>
      </c>
      <c r="H13" s="48">
        <v>42</v>
      </c>
      <c r="I13" s="49">
        <v>8</v>
      </c>
      <c r="J13" s="50">
        <f t="shared" si="2"/>
        <v>144</v>
      </c>
      <c r="K13" s="47">
        <v>99</v>
      </c>
      <c r="L13" s="48">
        <v>39</v>
      </c>
      <c r="M13" s="49">
        <v>6</v>
      </c>
      <c r="N13" s="51">
        <v>155</v>
      </c>
      <c r="O13" s="51">
        <v>153</v>
      </c>
      <c r="P13" s="51">
        <v>156</v>
      </c>
    </row>
    <row r="14" spans="1:19" x14ac:dyDescent="0.2">
      <c r="A14" s="45" t="s">
        <v>24</v>
      </c>
      <c r="B14" s="46">
        <f t="shared" si="3"/>
        <v>481</v>
      </c>
      <c r="C14" s="47">
        <v>278</v>
      </c>
      <c r="D14" s="48">
        <v>192</v>
      </c>
      <c r="E14" s="49">
        <v>11</v>
      </c>
      <c r="F14" s="50">
        <f t="shared" si="7"/>
        <v>482</v>
      </c>
      <c r="G14" s="47">
        <v>277</v>
      </c>
      <c r="H14" s="48">
        <v>195</v>
      </c>
      <c r="I14" s="49">
        <v>10</v>
      </c>
      <c r="J14" s="50">
        <f t="shared" si="2"/>
        <v>489</v>
      </c>
      <c r="K14" s="47">
        <v>288</v>
      </c>
      <c r="L14" s="48">
        <v>190</v>
      </c>
      <c r="M14" s="49">
        <v>11</v>
      </c>
      <c r="N14" s="51">
        <v>448</v>
      </c>
      <c r="O14" s="51">
        <v>467</v>
      </c>
      <c r="P14" s="51">
        <v>465</v>
      </c>
    </row>
    <row r="15" spans="1:19" x14ac:dyDescent="0.2">
      <c r="A15" s="45" t="s">
        <v>25</v>
      </c>
      <c r="B15" s="46">
        <f t="shared" si="3"/>
        <v>218</v>
      </c>
      <c r="C15" s="47">
        <v>143</v>
      </c>
      <c r="D15" s="48">
        <v>72</v>
      </c>
      <c r="E15" s="49">
        <v>3</v>
      </c>
      <c r="F15" s="50">
        <f t="shared" si="7"/>
        <v>211</v>
      </c>
      <c r="G15" s="47">
        <v>146</v>
      </c>
      <c r="H15" s="48">
        <v>62</v>
      </c>
      <c r="I15" s="49">
        <v>3</v>
      </c>
      <c r="J15" s="50">
        <f t="shared" si="2"/>
        <v>216</v>
      </c>
      <c r="K15" s="47">
        <v>145</v>
      </c>
      <c r="L15" s="48">
        <v>68</v>
      </c>
      <c r="M15" s="49">
        <v>3</v>
      </c>
      <c r="N15" s="51">
        <v>214</v>
      </c>
      <c r="O15" s="51">
        <v>216</v>
      </c>
      <c r="P15" s="51">
        <v>212</v>
      </c>
    </row>
    <row r="16" spans="1:19" x14ac:dyDescent="0.2">
      <c r="A16" s="45" t="s">
        <v>26</v>
      </c>
      <c r="B16" s="46">
        <f t="shared" si="3"/>
        <v>240</v>
      </c>
      <c r="C16" s="47">
        <v>130</v>
      </c>
      <c r="D16" s="48">
        <v>105</v>
      </c>
      <c r="E16" s="49">
        <v>5</v>
      </c>
      <c r="F16" s="50">
        <f t="shared" si="7"/>
        <v>247</v>
      </c>
      <c r="G16" s="47">
        <v>142</v>
      </c>
      <c r="H16" s="48">
        <v>101</v>
      </c>
      <c r="I16" s="49">
        <v>4</v>
      </c>
      <c r="J16" s="50">
        <f t="shared" si="2"/>
        <v>238</v>
      </c>
      <c r="K16" s="47">
        <v>138</v>
      </c>
      <c r="L16" s="48">
        <v>96</v>
      </c>
      <c r="M16" s="49">
        <v>4</v>
      </c>
      <c r="N16" s="51">
        <v>248</v>
      </c>
      <c r="O16" s="51">
        <v>260</v>
      </c>
      <c r="P16" s="51">
        <v>247</v>
      </c>
    </row>
    <row r="17" spans="1:16" x14ac:dyDescent="0.2">
      <c r="A17" s="45" t="s">
        <v>27</v>
      </c>
      <c r="B17" s="46">
        <f t="shared" si="3"/>
        <v>49</v>
      </c>
      <c r="C17" s="47">
        <v>29</v>
      </c>
      <c r="D17" s="48">
        <v>18</v>
      </c>
      <c r="E17" s="49">
        <v>2</v>
      </c>
      <c r="F17" s="50">
        <f t="shared" si="7"/>
        <v>51</v>
      </c>
      <c r="G17" s="47">
        <v>34</v>
      </c>
      <c r="H17" s="48">
        <v>16</v>
      </c>
      <c r="I17" s="49">
        <v>1</v>
      </c>
      <c r="J17" s="50">
        <f t="shared" si="2"/>
        <v>59</v>
      </c>
      <c r="K17" s="47">
        <v>36</v>
      </c>
      <c r="L17" s="48">
        <v>21</v>
      </c>
      <c r="M17" s="49">
        <v>2</v>
      </c>
      <c r="N17" s="51">
        <v>56</v>
      </c>
      <c r="O17" s="51">
        <v>63</v>
      </c>
      <c r="P17" s="51">
        <v>64</v>
      </c>
    </row>
    <row r="18" spans="1:16" x14ac:dyDescent="0.2">
      <c r="A18" s="45" t="s">
        <v>28</v>
      </c>
      <c r="B18" s="46">
        <f t="shared" si="3"/>
        <v>40</v>
      </c>
      <c r="C18" s="47">
        <v>24</v>
      </c>
      <c r="D18" s="48">
        <v>14</v>
      </c>
      <c r="E18" s="49">
        <v>2</v>
      </c>
      <c r="F18" s="50">
        <f t="shared" si="7"/>
        <v>48</v>
      </c>
      <c r="G18" s="47">
        <v>32</v>
      </c>
      <c r="H18" s="48">
        <v>14</v>
      </c>
      <c r="I18" s="49">
        <v>2</v>
      </c>
      <c r="J18" s="50">
        <f t="shared" si="2"/>
        <v>51</v>
      </c>
      <c r="K18" s="47">
        <v>31</v>
      </c>
      <c r="L18" s="48">
        <v>18</v>
      </c>
      <c r="M18" s="49">
        <v>2</v>
      </c>
      <c r="N18" s="51">
        <v>33</v>
      </c>
      <c r="O18" s="51">
        <v>40</v>
      </c>
      <c r="P18" s="51">
        <v>42</v>
      </c>
    </row>
    <row r="19" spans="1:16" x14ac:dyDescent="0.2">
      <c r="A19" s="45" t="s">
        <v>29</v>
      </c>
      <c r="B19" s="46">
        <f t="shared" si="3"/>
        <v>138</v>
      </c>
      <c r="C19" s="47">
        <v>70</v>
      </c>
      <c r="D19" s="48">
        <v>58</v>
      </c>
      <c r="E19" s="49">
        <v>10</v>
      </c>
      <c r="F19" s="50">
        <f t="shared" si="7"/>
        <v>141</v>
      </c>
      <c r="G19" s="47">
        <v>77</v>
      </c>
      <c r="H19" s="48">
        <v>55</v>
      </c>
      <c r="I19" s="49">
        <v>9</v>
      </c>
      <c r="J19" s="50">
        <f t="shared" si="2"/>
        <v>144</v>
      </c>
      <c r="K19" s="47">
        <v>78</v>
      </c>
      <c r="L19" s="48">
        <v>57</v>
      </c>
      <c r="M19" s="49">
        <v>9</v>
      </c>
      <c r="N19" s="51">
        <v>127</v>
      </c>
      <c r="O19" s="51">
        <v>132</v>
      </c>
      <c r="P19" s="51">
        <v>141</v>
      </c>
    </row>
    <row r="20" spans="1:16" x14ac:dyDescent="0.2">
      <c r="A20" s="45" t="s">
        <v>30</v>
      </c>
      <c r="B20" s="46">
        <f t="shared" si="3"/>
        <v>273</v>
      </c>
      <c r="C20" s="47">
        <v>133</v>
      </c>
      <c r="D20" s="48">
        <v>133</v>
      </c>
      <c r="E20" s="49">
        <v>7</v>
      </c>
      <c r="F20" s="50">
        <f t="shared" si="7"/>
        <v>288</v>
      </c>
      <c r="G20" s="47">
        <v>142</v>
      </c>
      <c r="H20" s="48">
        <v>139</v>
      </c>
      <c r="I20" s="49">
        <v>7</v>
      </c>
      <c r="J20" s="50">
        <f t="shared" si="2"/>
        <v>291</v>
      </c>
      <c r="K20" s="47">
        <v>150</v>
      </c>
      <c r="L20" s="48">
        <v>135</v>
      </c>
      <c r="M20" s="49">
        <v>6</v>
      </c>
      <c r="N20" s="51">
        <v>282</v>
      </c>
      <c r="O20" s="51">
        <v>302</v>
      </c>
      <c r="P20" s="51">
        <v>300</v>
      </c>
    </row>
    <row r="21" spans="1:16" x14ac:dyDescent="0.2">
      <c r="A21" s="45" t="s">
        <v>31</v>
      </c>
      <c r="B21" s="46">
        <f t="shared" si="3"/>
        <v>239</v>
      </c>
      <c r="C21" s="47">
        <v>114</v>
      </c>
      <c r="D21" s="48">
        <v>117</v>
      </c>
      <c r="E21" s="49">
        <v>8</v>
      </c>
      <c r="F21" s="50">
        <f t="shared" si="7"/>
        <v>262</v>
      </c>
      <c r="G21" s="47">
        <v>122</v>
      </c>
      <c r="H21" s="48">
        <v>132</v>
      </c>
      <c r="I21" s="49">
        <v>8</v>
      </c>
      <c r="J21" s="50">
        <f t="shared" si="2"/>
        <v>283</v>
      </c>
      <c r="K21" s="47">
        <v>137</v>
      </c>
      <c r="L21" s="48">
        <v>139</v>
      </c>
      <c r="M21" s="49">
        <v>7</v>
      </c>
      <c r="N21" s="51">
        <v>238</v>
      </c>
      <c r="O21" s="51">
        <v>249</v>
      </c>
      <c r="P21" s="51">
        <v>255</v>
      </c>
    </row>
    <row r="22" spans="1:16" x14ac:dyDescent="0.2">
      <c r="A22" s="45" t="s">
        <v>32</v>
      </c>
      <c r="B22" s="46">
        <f t="shared" si="3"/>
        <v>113</v>
      </c>
      <c r="C22" s="47">
        <v>56</v>
      </c>
      <c r="D22" s="48">
        <v>52</v>
      </c>
      <c r="E22" s="49">
        <v>5</v>
      </c>
      <c r="F22" s="50">
        <f t="shared" si="7"/>
        <v>112</v>
      </c>
      <c r="G22" s="47">
        <v>60</v>
      </c>
      <c r="H22" s="48">
        <v>47</v>
      </c>
      <c r="I22" s="49">
        <v>5</v>
      </c>
      <c r="J22" s="50">
        <f t="shared" si="2"/>
        <v>113</v>
      </c>
      <c r="K22" s="47">
        <v>64</v>
      </c>
      <c r="L22" s="48">
        <v>45</v>
      </c>
      <c r="M22" s="49">
        <v>4</v>
      </c>
      <c r="N22" s="51">
        <v>120</v>
      </c>
      <c r="O22" s="51">
        <v>116</v>
      </c>
      <c r="P22" s="51">
        <v>111</v>
      </c>
    </row>
    <row r="23" spans="1:16" x14ac:dyDescent="0.2">
      <c r="A23" s="45" t="s">
        <v>33</v>
      </c>
      <c r="B23" s="46">
        <f t="shared" si="3"/>
        <v>111</v>
      </c>
      <c r="C23" s="47">
        <v>56</v>
      </c>
      <c r="D23" s="48">
        <v>53</v>
      </c>
      <c r="E23" s="49">
        <v>2</v>
      </c>
      <c r="F23" s="50">
        <f t="shared" si="7"/>
        <v>120</v>
      </c>
      <c r="G23" s="47">
        <v>58</v>
      </c>
      <c r="H23" s="48">
        <v>60</v>
      </c>
      <c r="I23" s="49">
        <v>2</v>
      </c>
      <c r="J23" s="50">
        <f t="shared" si="2"/>
        <v>115</v>
      </c>
      <c r="K23" s="47">
        <v>58</v>
      </c>
      <c r="L23" s="48">
        <v>55</v>
      </c>
      <c r="M23" s="49">
        <v>2</v>
      </c>
      <c r="N23" s="51">
        <v>110</v>
      </c>
      <c r="O23" s="51">
        <v>113</v>
      </c>
      <c r="P23" s="51">
        <v>118</v>
      </c>
    </row>
    <row r="24" spans="1:16" x14ac:dyDescent="0.2">
      <c r="A24" s="45" t="s">
        <v>34</v>
      </c>
      <c r="B24" s="46">
        <f t="shared" si="3"/>
        <v>125</v>
      </c>
      <c r="C24" s="47">
        <v>64</v>
      </c>
      <c r="D24" s="48">
        <v>60</v>
      </c>
      <c r="E24" s="49">
        <v>1</v>
      </c>
      <c r="F24" s="50">
        <f t="shared" si="7"/>
        <v>121</v>
      </c>
      <c r="G24" s="47">
        <v>64</v>
      </c>
      <c r="H24" s="48">
        <v>56</v>
      </c>
      <c r="I24" s="49">
        <v>1</v>
      </c>
      <c r="J24" s="50">
        <f t="shared" si="2"/>
        <v>124</v>
      </c>
      <c r="K24" s="47">
        <v>73</v>
      </c>
      <c r="L24" s="48">
        <v>51</v>
      </c>
      <c r="M24" s="49">
        <v>0</v>
      </c>
      <c r="N24" s="51">
        <v>132</v>
      </c>
      <c r="O24" s="51">
        <v>126</v>
      </c>
      <c r="P24" s="51">
        <v>121</v>
      </c>
    </row>
    <row r="25" spans="1:16" x14ac:dyDescent="0.2">
      <c r="A25" s="45" t="s">
        <v>35</v>
      </c>
      <c r="B25" s="46">
        <f t="shared" si="3"/>
        <v>49</v>
      </c>
      <c r="C25" s="47">
        <v>29</v>
      </c>
      <c r="D25" s="48">
        <v>20</v>
      </c>
      <c r="E25" s="49">
        <v>0</v>
      </c>
      <c r="F25" s="50">
        <f t="shared" si="7"/>
        <v>45</v>
      </c>
      <c r="G25" s="47">
        <v>27</v>
      </c>
      <c r="H25" s="48">
        <v>18</v>
      </c>
      <c r="I25" s="49">
        <v>0</v>
      </c>
      <c r="J25" s="50">
        <f t="shared" si="2"/>
        <v>47</v>
      </c>
      <c r="K25" s="47">
        <v>33</v>
      </c>
      <c r="L25" s="48">
        <v>14</v>
      </c>
      <c r="M25" s="49">
        <v>0</v>
      </c>
      <c r="N25" s="51">
        <v>44</v>
      </c>
      <c r="O25" s="51">
        <v>45</v>
      </c>
      <c r="P25" s="51">
        <v>41</v>
      </c>
    </row>
    <row r="26" spans="1:16" ht="18" thickBot="1" x14ac:dyDescent="0.25">
      <c r="A26" s="45" t="s">
        <v>36</v>
      </c>
      <c r="B26" s="46">
        <f t="shared" si="3"/>
        <v>75</v>
      </c>
      <c r="C26" s="47">
        <v>40</v>
      </c>
      <c r="D26" s="48">
        <v>31</v>
      </c>
      <c r="E26" s="49">
        <v>4</v>
      </c>
      <c r="F26" s="50">
        <f t="shared" si="7"/>
        <v>80</v>
      </c>
      <c r="G26" s="47">
        <v>48</v>
      </c>
      <c r="H26" s="48">
        <v>29</v>
      </c>
      <c r="I26" s="49">
        <v>3</v>
      </c>
      <c r="J26" s="50">
        <f t="shared" si="2"/>
        <v>88</v>
      </c>
      <c r="K26" s="47">
        <v>55</v>
      </c>
      <c r="L26" s="48">
        <v>30</v>
      </c>
      <c r="M26" s="49">
        <v>3</v>
      </c>
      <c r="N26" s="61">
        <v>77</v>
      </c>
      <c r="O26" s="61">
        <v>76</v>
      </c>
      <c r="P26" s="61">
        <v>76</v>
      </c>
    </row>
    <row r="27" spans="1:16" ht="18" thickBot="1" x14ac:dyDescent="0.25">
      <c r="A27" s="59" t="s">
        <v>37</v>
      </c>
      <c r="B27" s="53">
        <f t="shared" ref="B27:E27" si="8">SUM(B28:B41)</f>
        <v>243</v>
      </c>
      <c r="C27" s="62">
        <f t="shared" si="8"/>
        <v>151</v>
      </c>
      <c r="D27" s="63">
        <f t="shared" si="8"/>
        <v>86</v>
      </c>
      <c r="E27" s="64">
        <f t="shared" si="8"/>
        <v>6</v>
      </c>
      <c r="F27" s="57">
        <f>SUM(F28:F41)</f>
        <v>288</v>
      </c>
      <c r="G27" s="62">
        <f t="shared" ref="G27:I27" si="9">SUM(G28:G41)</f>
        <v>169</v>
      </c>
      <c r="H27" s="63">
        <f t="shared" si="9"/>
        <v>95</v>
      </c>
      <c r="I27" s="64">
        <f t="shared" si="9"/>
        <v>24</v>
      </c>
      <c r="J27" s="57">
        <f>SUM(J28:J41)</f>
        <v>242</v>
      </c>
      <c r="K27" s="62">
        <f t="shared" ref="K27:M27" si="10">SUM(K28:K41)</f>
        <v>154</v>
      </c>
      <c r="L27" s="63">
        <f t="shared" si="10"/>
        <v>84</v>
      </c>
      <c r="M27" s="64">
        <f t="shared" si="10"/>
        <v>4</v>
      </c>
      <c r="N27" s="60">
        <f>SUM(N28:N41)</f>
        <v>231</v>
      </c>
      <c r="O27" s="60">
        <f>SUM(O28:O41)</f>
        <v>230</v>
      </c>
      <c r="P27" s="60">
        <f>SUM(P28:P41)</f>
        <v>233</v>
      </c>
    </row>
    <row r="28" spans="1:16" ht="18" thickTop="1" x14ac:dyDescent="0.2">
      <c r="A28" s="38" t="s">
        <v>38</v>
      </c>
      <c r="B28" s="39">
        <f>SUM(C28:E28)</f>
        <v>15</v>
      </c>
      <c r="C28" s="40">
        <v>7</v>
      </c>
      <c r="D28" s="41">
        <v>8</v>
      </c>
      <c r="E28" s="42">
        <v>0</v>
      </c>
      <c r="F28" s="43">
        <f>SUM(G28:I28)</f>
        <v>15</v>
      </c>
      <c r="G28" s="40">
        <v>7</v>
      </c>
      <c r="H28" s="41">
        <v>8</v>
      </c>
      <c r="I28" s="42">
        <v>0</v>
      </c>
      <c r="J28" s="43">
        <f>SUM(K28:M28)</f>
        <v>17</v>
      </c>
      <c r="K28" s="40">
        <v>9</v>
      </c>
      <c r="L28" s="41">
        <v>8</v>
      </c>
      <c r="M28" s="42">
        <v>0</v>
      </c>
      <c r="N28" s="44">
        <v>20</v>
      </c>
      <c r="O28" s="44">
        <v>21</v>
      </c>
      <c r="P28" s="44">
        <v>22</v>
      </c>
    </row>
    <row r="29" spans="1:16" x14ac:dyDescent="0.2">
      <c r="A29" s="45" t="s">
        <v>39</v>
      </c>
      <c r="B29" s="46">
        <f>SUM(C29:E29)</f>
        <v>67</v>
      </c>
      <c r="C29" s="47">
        <v>34</v>
      </c>
      <c r="D29" s="48">
        <v>32</v>
      </c>
      <c r="E29" s="49">
        <v>1</v>
      </c>
      <c r="F29" s="50">
        <f>SUM(G29:I29)</f>
        <v>66</v>
      </c>
      <c r="G29" s="47">
        <v>34</v>
      </c>
      <c r="H29" s="48">
        <v>31</v>
      </c>
      <c r="I29" s="49">
        <v>1</v>
      </c>
      <c r="J29" s="50">
        <f>SUM(K29:M29)</f>
        <v>64</v>
      </c>
      <c r="K29" s="47">
        <v>32</v>
      </c>
      <c r="L29" s="48">
        <v>31</v>
      </c>
      <c r="M29" s="49">
        <v>1</v>
      </c>
      <c r="N29" s="51">
        <v>58</v>
      </c>
      <c r="O29" s="51">
        <v>60</v>
      </c>
      <c r="P29" s="51">
        <v>66</v>
      </c>
    </row>
    <row r="30" spans="1:16" x14ac:dyDescent="0.2">
      <c r="A30" s="45" t="s">
        <v>40</v>
      </c>
      <c r="B30" s="46">
        <f t="shared" ref="B30:B41" si="11">SUM(C30:E30)</f>
        <v>18</v>
      </c>
      <c r="C30" s="47">
        <v>13</v>
      </c>
      <c r="D30" s="48">
        <v>5</v>
      </c>
      <c r="E30" s="49">
        <v>0</v>
      </c>
      <c r="F30" s="50">
        <f t="shared" ref="F30:F35" si="12">SUM(G30:I30)</f>
        <v>18</v>
      </c>
      <c r="G30" s="47">
        <v>13</v>
      </c>
      <c r="H30" s="48">
        <v>5</v>
      </c>
      <c r="I30" s="49">
        <v>0</v>
      </c>
      <c r="J30" s="50">
        <f t="shared" ref="J30:J41" si="13">SUM(K30:M30)</f>
        <v>17</v>
      </c>
      <c r="K30" s="47">
        <v>11</v>
      </c>
      <c r="L30" s="48">
        <v>5</v>
      </c>
      <c r="M30" s="49">
        <v>1</v>
      </c>
      <c r="N30" s="51">
        <v>16</v>
      </c>
      <c r="O30" s="51">
        <v>16</v>
      </c>
      <c r="P30" s="51">
        <v>14</v>
      </c>
    </row>
    <row r="31" spans="1:16" x14ac:dyDescent="0.2">
      <c r="A31" s="45" t="s">
        <v>41</v>
      </c>
      <c r="B31" s="46">
        <f t="shared" si="11"/>
        <v>25</v>
      </c>
      <c r="C31" s="47">
        <v>19</v>
      </c>
      <c r="D31" s="48">
        <v>4</v>
      </c>
      <c r="E31" s="49">
        <v>2</v>
      </c>
      <c r="F31" s="50">
        <f t="shared" si="12"/>
        <v>25</v>
      </c>
      <c r="G31" s="47">
        <v>19</v>
      </c>
      <c r="H31" s="48">
        <v>4</v>
      </c>
      <c r="I31" s="49">
        <v>2</v>
      </c>
      <c r="J31" s="50">
        <f t="shared" si="13"/>
        <v>20</v>
      </c>
      <c r="K31" s="47">
        <v>17</v>
      </c>
      <c r="L31" s="48">
        <v>2</v>
      </c>
      <c r="M31" s="49">
        <v>1</v>
      </c>
      <c r="N31" s="51">
        <v>23</v>
      </c>
      <c r="O31" s="51">
        <v>24</v>
      </c>
      <c r="P31" s="51">
        <v>21</v>
      </c>
    </row>
    <row r="32" spans="1:16" x14ac:dyDescent="0.2">
      <c r="A32" s="45" t="s">
        <v>42</v>
      </c>
      <c r="B32" s="46">
        <f t="shared" si="11"/>
        <v>2</v>
      </c>
      <c r="C32" s="47">
        <v>2</v>
      </c>
      <c r="D32" s="48">
        <v>0</v>
      </c>
      <c r="E32" s="49">
        <v>0</v>
      </c>
      <c r="F32" s="50">
        <f t="shared" si="12"/>
        <v>4</v>
      </c>
      <c r="G32" s="47">
        <v>2</v>
      </c>
      <c r="H32" s="48">
        <v>2</v>
      </c>
      <c r="I32" s="49">
        <v>0</v>
      </c>
      <c r="J32" s="50">
        <f t="shared" si="13"/>
        <v>2</v>
      </c>
      <c r="K32" s="47">
        <v>2</v>
      </c>
      <c r="L32" s="48">
        <v>0</v>
      </c>
      <c r="M32" s="49">
        <v>0</v>
      </c>
      <c r="N32" s="51">
        <v>1</v>
      </c>
      <c r="O32" s="51">
        <v>1</v>
      </c>
      <c r="P32" s="51">
        <v>1</v>
      </c>
    </row>
    <row r="33" spans="1:16" x14ac:dyDescent="0.2">
      <c r="A33" s="45" t="s">
        <v>43</v>
      </c>
      <c r="B33" s="46">
        <f t="shared" si="11"/>
        <v>16</v>
      </c>
      <c r="C33" s="47">
        <v>8</v>
      </c>
      <c r="D33" s="48">
        <v>8</v>
      </c>
      <c r="E33" s="49">
        <v>0</v>
      </c>
      <c r="F33" s="50">
        <f t="shared" si="12"/>
        <v>30</v>
      </c>
      <c r="G33" s="47">
        <v>15</v>
      </c>
      <c r="H33" s="48">
        <v>8</v>
      </c>
      <c r="I33" s="49">
        <v>7</v>
      </c>
      <c r="J33" s="50">
        <f t="shared" si="13"/>
        <v>17</v>
      </c>
      <c r="K33" s="47">
        <v>9</v>
      </c>
      <c r="L33" s="48">
        <v>8</v>
      </c>
      <c r="M33" s="49">
        <v>0</v>
      </c>
      <c r="N33" s="51">
        <v>16</v>
      </c>
      <c r="O33" s="51">
        <v>17</v>
      </c>
      <c r="P33" s="51">
        <v>16</v>
      </c>
    </row>
    <row r="34" spans="1:16" x14ac:dyDescent="0.2">
      <c r="A34" s="45" t="s">
        <v>44</v>
      </c>
      <c r="B34" s="46">
        <f t="shared" si="11"/>
        <v>5</v>
      </c>
      <c r="C34" s="47">
        <v>4</v>
      </c>
      <c r="D34" s="48">
        <v>1</v>
      </c>
      <c r="E34" s="49">
        <v>0</v>
      </c>
      <c r="F34" s="50">
        <f t="shared" si="12"/>
        <v>10</v>
      </c>
      <c r="G34" s="47">
        <v>5</v>
      </c>
      <c r="H34" s="48">
        <v>4</v>
      </c>
      <c r="I34" s="49">
        <v>1</v>
      </c>
      <c r="J34" s="50">
        <f t="shared" si="13"/>
        <v>8</v>
      </c>
      <c r="K34" s="47">
        <v>5</v>
      </c>
      <c r="L34" s="48">
        <v>3</v>
      </c>
      <c r="M34" s="49">
        <v>0</v>
      </c>
      <c r="N34" s="51">
        <v>5</v>
      </c>
      <c r="O34" s="51">
        <v>5</v>
      </c>
      <c r="P34" s="51">
        <v>5</v>
      </c>
    </row>
    <row r="35" spans="1:16" x14ac:dyDescent="0.2">
      <c r="A35" s="45" t="s">
        <v>45</v>
      </c>
      <c r="B35" s="46">
        <f t="shared" si="11"/>
        <v>8</v>
      </c>
      <c r="C35" s="47">
        <v>6</v>
      </c>
      <c r="D35" s="48">
        <v>2</v>
      </c>
      <c r="E35" s="49">
        <v>0</v>
      </c>
      <c r="F35" s="50">
        <f t="shared" si="12"/>
        <v>20</v>
      </c>
      <c r="G35" s="47">
        <v>10</v>
      </c>
      <c r="H35" s="48">
        <v>7</v>
      </c>
      <c r="I35" s="49">
        <v>3</v>
      </c>
      <c r="J35" s="50">
        <f t="shared" si="13"/>
        <v>9</v>
      </c>
      <c r="K35" s="47">
        <v>6</v>
      </c>
      <c r="L35" s="48">
        <v>3</v>
      </c>
      <c r="M35" s="49">
        <v>0</v>
      </c>
      <c r="N35" s="51">
        <v>6</v>
      </c>
      <c r="O35" s="51">
        <v>7</v>
      </c>
      <c r="P35" s="51">
        <v>6</v>
      </c>
    </row>
    <row r="36" spans="1:16" x14ac:dyDescent="0.2">
      <c r="A36" s="45" t="s">
        <v>46</v>
      </c>
      <c r="B36" s="46">
        <f t="shared" si="11"/>
        <v>14</v>
      </c>
      <c r="C36" s="47">
        <v>8</v>
      </c>
      <c r="D36" s="48">
        <v>6</v>
      </c>
      <c r="E36" s="49">
        <v>0</v>
      </c>
      <c r="F36" s="50">
        <f>SUM(G36:I36)</f>
        <v>32</v>
      </c>
      <c r="G36" s="47">
        <v>16</v>
      </c>
      <c r="H36" s="48">
        <v>9</v>
      </c>
      <c r="I36" s="49">
        <v>7</v>
      </c>
      <c r="J36" s="50">
        <f>SUM(K36:M36)</f>
        <v>16</v>
      </c>
      <c r="K36" s="47">
        <v>10</v>
      </c>
      <c r="L36" s="48">
        <v>6</v>
      </c>
      <c r="M36" s="49">
        <v>0</v>
      </c>
      <c r="N36" s="51">
        <v>12</v>
      </c>
      <c r="O36" s="51">
        <v>13</v>
      </c>
      <c r="P36" s="51">
        <v>14</v>
      </c>
    </row>
    <row r="37" spans="1:16" x14ac:dyDescent="0.2">
      <c r="A37" s="45" t="s">
        <v>47</v>
      </c>
      <c r="B37" s="46">
        <f t="shared" si="11"/>
        <v>5</v>
      </c>
      <c r="C37" s="47">
        <v>4</v>
      </c>
      <c r="D37" s="48">
        <v>1</v>
      </c>
      <c r="E37" s="65">
        <v>0</v>
      </c>
      <c r="F37" s="50">
        <f t="shared" ref="F37:F41" si="14">SUM(G37:I37)</f>
        <v>4</v>
      </c>
      <c r="G37" s="47">
        <v>3</v>
      </c>
      <c r="H37" s="48">
        <v>1</v>
      </c>
      <c r="I37" s="65">
        <v>0</v>
      </c>
      <c r="J37" s="50">
        <f t="shared" si="13"/>
        <v>6</v>
      </c>
      <c r="K37" s="47">
        <v>5</v>
      </c>
      <c r="L37" s="48">
        <v>1</v>
      </c>
      <c r="M37" s="65">
        <v>0</v>
      </c>
      <c r="N37" s="51">
        <v>6</v>
      </c>
      <c r="O37" s="51">
        <v>6</v>
      </c>
      <c r="P37" s="51">
        <v>6</v>
      </c>
    </row>
    <row r="38" spans="1:16" x14ac:dyDescent="0.2">
      <c r="A38" s="45" t="s">
        <v>48</v>
      </c>
      <c r="B38" s="46">
        <f t="shared" si="11"/>
        <v>5</v>
      </c>
      <c r="C38" s="47">
        <v>4</v>
      </c>
      <c r="D38" s="48">
        <v>0</v>
      </c>
      <c r="E38" s="49">
        <v>1</v>
      </c>
      <c r="F38" s="50">
        <f t="shared" si="14"/>
        <v>4</v>
      </c>
      <c r="G38" s="47">
        <v>2</v>
      </c>
      <c r="H38" s="48">
        <v>1</v>
      </c>
      <c r="I38" s="49">
        <v>1</v>
      </c>
      <c r="J38" s="50">
        <f t="shared" si="13"/>
        <v>5</v>
      </c>
      <c r="K38" s="47">
        <v>4</v>
      </c>
      <c r="L38" s="48">
        <v>1</v>
      </c>
      <c r="M38" s="49">
        <v>0</v>
      </c>
      <c r="N38" s="51">
        <v>4</v>
      </c>
      <c r="O38" s="51">
        <v>2</v>
      </c>
      <c r="P38" s="51">
        <v>2</v>
      </c>
    </row>
    <row r="39" spans="1:16" x14ac:dyDescent="0.2">
      <c r="A39" s="45" t="s">
        <v>49</v>
      </c>
      <c r="B39" s="46">
        <f>SUM(C39:E39)</f>
        <v>25</v>
      </c>
      <c r="C39" s="47">
        <v>15</v>
      </c>
      <c r="D39" s="48">
        <v>9</v>
      </c>
      <c r="E39" s="49">
        <v>1</v>
      </c>
      <c r="F39" s="50">
        <f t="shared" si="14"/>
        <v>23</v>
      </c>
      <c r="G39" s="47">
        <v>15</v>
      </c>
      <c r="H39" s="48">
        <v>7</v>
      </c>
      <c r="I39" s="49">
        <v>1</v>
      </c>
      <c r="J39" s="50">
        <f t="shared" si="13"/>
        <v>22</v>
      </c>
      <c r="K39" s="47">
        <v>14</v>
      </c>
      <c r="L39" s="48">
        <v>7</v>
      </c>
      <c r="M39" s="49">
        <v>1</v>
      </c>
      <c r="N39" s="51">
        <v>22</v>
      </c>
      <c r="O39" s="51">
        <v>19</v>
      </c>
      <c r="P39" s="51">
        <v>19</v>
      </c>
    </row>
    <row r="40" spans="1:16" x14ac:dyDescent="0.2">
      <c r="A40" s="45" t="s">
        <v>50</v>
      </c>
      <c r="B40" s="46">
        <f>SUM(C40:E40)</f>
        <v>36</v>
      </c>
      <c r="C40" s="47">
        <v>25</v>
      </c>
      <c r="D40" s="48">
        <v>10</v>
      </c>
      <c r="E40" s="49">
        <v>1</v>
      </c>
      <c r="F40" s="50">
        <f t="shared" si="14"/>
        <v>34</v>
      </c>
      <c r="G40" s="47">
        <v>26</v>
      </c>
      <c r="H40" s="48">
        <v>7</v>
      </c>
      <c r="I40" s="49">
        <v>1</v>
      </c>
      <c r="J40" s="50">
        <f t="shared" si="13"/>
        <v>36</v>
      </c>
      <c r="K40" s="47">
        <v>28</v>
      </c>
      <c r="L40" s="48">
        <v>8</v>
      </c>
      <c r="M40" s="49">
        <v>0</v>
      </c>
      <c r="N40" s="51">
        <v>40</v>
      </c>
      <c r="O40" s="51">
        <v>38</v>
      </c>
      <c r="P40" s="51">
        <v>38</v>
      </c>
    </row>
    <row r="41" spans="1:16" ht="18" thickBot="1" x14ac:dyDescent="0.25">
      <c r="A41" s="66" t="s">
        <v>51</v>
      </c>
      <c r="B41" s="67">
        <f t="shared" si="11"/>
        <v>2</v>
      </c>
      <c r="C41" s="68">
        <v>2</v>
      </c>
      <c r="D41" s="69">
        <v>0</v>
      </c>
      <c r="E41" s="70">
        <v>0</v>
      </c>
      <c r="F41" s="71">
        <f t="shared" si="14"/>
        <v>3</v>
      </c>
      <c r="G41" s="68">
        <v>2</v>
      </c>
      <c r="H41" s="69">
        <v>1</v>
      </c>
      <c r="I41" s="70">
        <v>0</v>
      </c>
      <c r="J41" s="71">
        <f t="shared" si="13"/>
        <v>3</v>
      </c>
      <c r="K41" s="68">
        <v>2</v>
      </c>
      <c r="L41" s="69">
        <v>1</v>
      </c>
      <c r="M41" s="70">
        <v>0</v>
      </c>
      <c r="N41" s="72">
        <v>2</v>
      </c>
      <c r="O41" s="72">
        <v>1</v>
      </c>
      <c r="P41" s="72">
        <v>3</v>
      </c>
    </row>
    <row r="42" spans="1:16" x14ac:dyDescent="0.2">
      <c r="A42" s="73" t="s">
        <v>52</v>
      </c>
      <c r="B42" s="73"/>
      <c r="C42" s="73"/>
      <c r="D42" s="73"/>
      <c r="E42" s="73"/>
      <c r="F42" s="73"/>
      <c r="G42" s="73"/>
      <c r="H42" s="73"/>
      <c r="I42" s="73"/>
      <c r="J42" s="73"/>
      <c r="K42" s="73"/>
      <c r="L42" s="73"/>
      <c r="M42" s="73"/>
      <c r="N42" s="73"/>
      <c r="O42" s="73"/>
      <c r="P42" s="73"/>
    </row>
    <row r="43" spans="1:16" x14ac:dyDescent="0.2">
      <c r="A43" s="74"/>
      <c r="B43" s="75"/>
      <c r="C43" s="75"/>
      <c r="D43" s="75"/>
      <c r="E43" s="75"/>
      <c r="F43" s="75"/>
      <c r="G43" s="75"/>
      <c r="H43" s="75"/>
      <c r="I43" s="75"/>
      <c r="J43" s="75"/>
      <c r="K43" s="75"/>
      <c r="L43" s="75"/>
      <c r="M43" s="75"/>
      <c r="N43" s="75"/>
      <c r="O43" s="75"/>
      <c r="P43" s="75"/>
    </row>
    <row r="44" spans="1:16" x14ac:dyDescent="0.2">
      <c r="A44" s="74"/>
      <c r="B44" s="75"/>
      <c r="C44" s="75"/>
      <c r="D44" s="75"/>
      <c r="E44" s="75"/>
      <c r="F44" s="75"/>
      <c r="G44" s="75"/>
      <c r="H44" s="75"/>
      <c r="I44" s="75"/>
      <c r="J44" s="75"/>
      <c r="K44" s="75"/>
      <c r="L44" s="75"/>
      <c r="M44" s="75"/>
      <c r="N44" s="75"/>
      <c r="O44" s="75"/>
      <c r="P44" s="75"/>
    </row>
    <row r="45" spans="1:16" x14ac:dyDescent="0.2">
      <c r="A45" s="74"/>
      <c r="B45" s="75"/>
      <c r="C45" s="75"/>
      <c r="D45" s="75"/>
      <c r="E45" s="75"/>
      <c r="F45" s="75"/>
      <c r="G45" s="75"/>
      <c r="H45" s="75"/>
      <c r="I45" s="75"/>
      <c r="J45" s="75"/>
      <c r="K45" s="75"/>
      <c r="L45" s="75"/>
      <c r="M45" s="75"/>
      <c r="N45" s="75"/>
      <c r="O45" s="75"/>
      <c r="P45" s="75"/>
    </row>
    <row r="46" spans="1:16" x14ac:dyDescent="0.2">
      <c r="A46" s="74"/>
      <c r="B46" s="75"/>
      <c r="C46" s="75"/>
      <c r="D46" s="75"/>
      <c r="E46" s="75"/>
      <c r="F46" s="75"/>
      <c r="G46" s="75"/>
      <c r="H46" s="75"/>
      <c r="I46" s="75"/>
      <c r="J46" s="75"/>
      <c r="K46" s="75"/>
      <c r="L46" s="75"/>
      <c r="M46" s="75"/>
      <c r="N46" s="75"/>
      <c r="O46" s="75"/>
      <c r="P46" s="75"/>
    </row>
    <row r="47" spans="1:16" x14ac:dyDescent="0.2">
      <c r="A47" s="74"/>
      <c r="B47" s="75"/>
      <c r="C47" s="75"/>
      <c r="D47" s="75"/>
      <c r="E47" s="75"/>
      <c r="F47" s="75"/>
      <c r="G47" s="75"/>
      <c r="H47" s="75"/>
      <c r="I47" s="75"/>
      <c r="J47" s="75"/>
      <c r="K47" s="75"/>
      <c r="L47" s="75"/>
      <c r="M47" s="75"/>
      <c r="N47" s="75"/>
      <c r="O47" s="75"/>
      <c r="P47" s="75"/>
    </row>
    <row r="48" spans="1:16" x14ac:dyDescent="0.2">
      <c r="A48" s="74"/>
      <c r="B48" s="75"/>
      <c r="C48" s="75"/>
      <c r="D48" s="75"/>
      <c r="E48" s="75"/>
      <c r="F48" s="75"/>
      <c r="G48" s="75"/>
      <c r="H48" s="75"/>
      <c r="I48" s="75"/>
      <c r="J48" s="75"/>
      <c r="K48" s="75"/>
      <c r="L48" s="75"/>
      <c r="M48" s="75"/>
      <c r="N48" s="75"/>
      <c r="O48" s="75"/>
      <c r="P48" s="75"/>
    </row>
    <row r="49" spans="1:16" x14ac:dyDescent="0.2">
      <c r="A49" s="74"/>
      <c r="B49" s="75"/>
      <c r="C49" s="75"/>
      <c r="D49" s="75"/>
      <c r="E49" s="75"/>
      <c r="F49" s="75"/>
      <c r="G49" s="75"/>
      <c r="H49" s="75"/>
      <c r="I49" s="75"/>
      <c r="J49" s="75"/>
      <c r="K49" s="75"/>
      <c r="L49" s="75"/>
      <c r="M49" s="75"/>
      <c r="N49" s="75"/>
      <c r="O49" s="75"/>
      <c r="P49" s="75"/>
    </row>
    <row r="50" spans="1:16" x14ac:dyDescent="0.2">
      <c r="A50" s="74"/>
      <c r="B50" s="75"/>
      <c r="C50" s="75"/>
      <c r="D50" s="75"/>
      <c r="E50" s="75"/>
      <c r="F50" s="75"/>
      <c r="G50" s="75"/>
      <c r="H50" s="75"/>
      <c r="I50" s="75"/>
      <c r="J50" s="75"/>
      <c r="K50" s="75"/>
      <c r="L50" s="75"/>
      <c r="M50" s="75"/>
      <c r="N50" s="75"/>
      <c r="O50" s="75"/>
      <c r="P50" s="75"/>
    </row>
    <row r="51" spans="1:16" x14ac:dyDescent="0.2">
      <c r="A51" s="74"/>
      <c r="B51" s="75"/>
      <c r="C51" s="75"/>
      <c r="D51" s="75"/>
      <c r="E51" s="75"/>
      <c r="F51" s="75"/>
      <c r="G51" s="75"/>
      <c r="H51" s="75"/>
      <c r="I51" s="75"/>
      <c r="J51" s="75"/>
      <c r="K51" s="75"/>
      <c r="L51" s="75"/>
      <c r="M51" s="75"/>
      <c r="N51" s="75"/>
      <c r="O51" s="75"/>
      <c r="P51" s="75"/>
    </row>
    <row r="52" spans="1:16" x14ac:dyDescent="0.2">
      <c r="A52" s="74"/>
      <c r="B52" s="75"/>
      <c r="C52" s="75"/>
      <c r="D52" s="75"/>
      <c r="E52" s="75"/>
      <c r="F52" s="75"/>
      <c r="G52" s="75"/>
      <c r="H52" s="75"/>
      <c r="I52" s="75"/>
      <c r="J52" s="75"/>
      <c r="K52" s="75"/>
      <c r="L52" s="75"/>
      <c r="M52" s="75"/>
      <c r="N52" s="75"/>
      <c r="O52" s="75"/>
      <c r="P52" s="75"/>
    </row>
    <row r="53" spans="1:16" x14ac:dyDescent="0.2">
      <c r="A53" s="74"/>
      <c r="B53" s="75"/>
      <c r="C53" s="75"/>
      <c r="D53" s="75"/>
      <c r="E53" s="75"/>
      <c r="F53" s="75"/>
      <c r="G53" s="75"/>
      <c r="H53" s="75"/>
      <c r="I53" s="75"/>
      <c r="J53" s="75"/>
      <c r="K53" s="75"/>
      <c r="L53" s="75"/>
      <c r="M53" s="75"/>
      <c r="N53" s="75"/>
      <c r="O53" s="75"/>
      <c r="P53" s="75"/>
    </row>
    <row r="54" spans="1:16" x14ac:dyDescent="0.2">
      <c r="A54" s="74"/>
      <c r="B54" s="75"/>
      <c r="C54" s="75"/>
      <c r="D54" s="75"/>
      <c r="E54" s="75"/>
      <c r="F54" s="75"/>
      <c r="G54" s="75"/>
      <c r="H54" s="75"/>
      <c r="I54" s="75"/>
      <c r="J54" s="75"/>
      <c r="K54" s="75"/>
      <c r="L54" s="75"/>
      <c r="M54" s="75"/>
      <c r="N54" s="75"/>
      <c r="O54" s="75"/>
      <c r="P54" s="75"/>
    </row>
    <row r="55" spans="1:16" x14ac:dyDescent="0.2">
      <c r="A55" s="74"/>
      <c r="B55" s="75"/>
      <c r="C55" s="75"/>
      <c r="D55" s="75"/>
      <c r="E55" s="75"/>
      <c r="F55" s="75"/>
      <c r="G55" s="75"/>
      <c r="H55" s="75"/>
      <c r="I55" s="75"/>
      <c r="J55" s="75"/>
      <c r="K55" s="75"/>
      <c r="L55" s="75"/>
      <c r="M55" s="75"/>
      <c r="N55" s="75"/>
      <c r="O55" s="75"/>
      <c r="P55" s="75"/>
    </row>
    <row r="56" spans="1:16" x14ac:dyDescent="0.2">
      <c r="A56" s="74"/>
      <c r="B56" s="75"/>
      <c r="C56" s="75"/>
      <c r="D56" s="75"/>
      <c r="E56" s="75"/>
      <c r="F56" s="75"/>
      <c r="G56" s="75"/>
      <c r="H56" s="75"/>
      <c r="I56" s="75"/>
      <c r="J56" s="75"/>
      <c r="K56" s="75"/>
      <c r="L56" s="75"/>
      <c r="M56" s="75"/>
      <c r="N56" s="75"/>
      <c r="O56" s="75"/>
      <c r="P56" s="75"/>
    </row>
    <row r="57" spans="1:16" x14ac:dyDescent="0.2">
      <c r="A57" s="74"/>
      <c r="B57" s="75"/>
      <c r="C57" s="75"/>
      <c r="D57" s="75"/>
      <c r="E57" s="75"/>
      <c r="F57" s="75"/>
      <c r="G57" s="75"/>
      <c r="H57" s="75"/>
      <c r="I57" s="75"/>
      <c r="J57" s="75"/>
      <c r="K57" s="75"/>
      <c r="L57" s="75"/>
      <c r="M57" s="75"/>
      <c r="N57" s="75"/>
      <c r="O57" s="75"/>
      <c r="P57" s="75"/>
    </row>
    <row r="58" spans="1:16" x14ac:dyDescent="0.2">
      <c r="A58" s="74"/>
      <c r="B58" s="75"/>
      <c r="C58" s="75"/>
      <c r="D58" s="75"/>
      <c r="E58" s="75"/>
      <c r="F58" s="75"/>
      <c r="G58" s="75"/>
      <c r="H58" s="75"/>
      <c r="I58" s="75"/>
      <c r="J58" s="75"/>
      <c r="K58" s="75"/>
      <c r="L58" s="75"/>
      <c r="M58" s="75"/>
      <c r="N58" s="75"/>
      <c r="O58" s="75"/>
      <c r="P58" s="75"/>
    </row>
  </sheetData>
  <mergeCells count="9">
    <mergeCell ref="A2:A4"/>
    <mergeCell ref="B2:M2"/>
    <mergeCell ref="N2:P2"/>
    <mergeCell ref="B3:E3"/>
    <mergeCell ref="F3:I3"/>
    <mergeCell ref="J3:M3"/>
    <mergeCell ref="N3:N4"/>
    <mergeCell ref="O3:O4"/>
    <mergeCell ref="P3:P4"/>
  </mergeCells>
  <phoneticPr fontId="3"/>
  <pageMargins left="1.3779527559055118" right="0" top="0.59055118110236227" bottom="0.59055118110236227" header="0.39370078740157483" footer="0.39370078740157483"/>
  <pageSetup paperSize="8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11</vt:lpstr>
      <vt:lpstr>'5-1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4:34Z</dcterms:created>
  <dcterms:modified xsi:type="dcterms:W3CDTF">2024-02-14T02:36:54Z</dcterms:modified>
</cp:coreProperties>
</file>